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iderdorp/"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C981F83-D3CD-9AAE-3B33-B7ACAEB924E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1092" y="4863556"/>
            <a:ext cx="1212908" cy="17441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E4C56E8A-CDDD-0B71-F515-8F94D138B66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5575" y="4190259"/>
            <a:ext cx="880336" cy="12659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15T11:31:56Z</dcterms:modified>
</cp:coreProperties>
</file>